
<file path=[Content_Types].xml><?xml version="1.0" encoding="utf-8"?>
<Types xmlns="http://schemas.openxmlformats.org/package/2006/content-type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persons/person.xml" ContentType="application/vnd.ms-excel.perso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328"/>
  <workbookPr/>
  <mc:AlternateContent xmlns:mc="http://schemas.openxmlformats.org/markup-compatibility/2006">
    <mc:Choice Requires="x15">
      <x15ac:absPath xmlns:x15ac="http://schemas.microsoft.com/office/spreadsheetml/2010/11/ac" url="https://dnbnl-my.sharepoint.com/personal/d_p_van_heijst_dnb_nl/Documents/Documents/norea/wetgeving sprint/"/>
    </mc:Choice>
  </mc:AlternateContent>
  <xr:revisionPtr revIDLastSave="668" documentId="8_{EAE8B317-03EA-4DD7-8F31-4EBF7CBF2F87}" xr6:coauthVersionLast="47" xr6:coauthVersionMax="47" xr10:uidLastSave="{5092DA5D-9232-4951-B2B7-903382701D78}"/>
  <bookViews>
    <workbookView xWindow="-120" yWindow="-120" windowWidth="29040" windowHeight="15720" activeTab="1" xr2:uid="{00000000-000D-0000-FFFF-FFFF00000000}"/>
  </bookViews>
  <sheets>
    <sheet name="introductie" sheetId="2" r:id="rId1"/>
    <sheet name="Overzicht" sheetId="3" r:id="rId2"/>
  </sheet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248" uniqueCount="218">
  <si>
    <t>versie</t>
  </si>
  <si>
    <t>datum</t>
  </si>
  <si>
    <t>opstellers</t>
  </si>
  <si>
    <t>leeswijzer</t>
  </si>
  <si>
    <t>woordenlijst</t>
  </si>
  <si>
    <t>Directive</t>
  </si>
  <si>
    <t>Naam Engels</t>
  </si>
  <si>
    <t>Naam Nederlands</t>
  </si>
  <si>
    <t>Doelstelling en reikwijdte</t>
  </si>
  <si>
    <t>Drivers</t>
  </si>
  <si>
    <t>Doelgroep</t>
  </si>
  <si>
    <t>Datum publicatie</t>
  </si>
  <si>
    <t>Datum in-werking</t>
  </si>
  <si>
    <t>Toepasbaar per</t>
  </si>
  <si>
    <t>Toezichthouder</t>
  </si>
  <si>
    <t>Relatie met andere wet &amp; regelgeving</t>
  </si>
  <si>
    <t>IT Assurance</t>
  </si>
  <si>
    <t>IT Advisory</t>
  </si>
  <si>
    <t>Link naar bronwebsite met relevante info en link naar orginele tekst</t>
  </si>
  <si>
    <t>NOREA Producten die ingezet kunnen worden</t>
  </si>
  <si>
    <t>Digital Service Act (DSA)</t>
  </si>
  <si>
    <t>Digital Services Act</t>
  </si>
  <si>
    <t>wet inzake digitale diensten</t>
  </si>
  <si>
    <t>twee hoofddoelstellingen:
1. een veiligere digitale ruimte te creëren waarin de grondrechten van alle gebruikers van digitale diensten worden beschermd;
2. een gelijk speelveld tot stand brengen om innovatie, groei en concurrentievermogen te bevorderen, zowel op de Europese eengemaakte markt als wereldwijd.
De in de DSA gespecificeerde regels hebben in de eerste plaats betrekking op onlinetussenpersonen en platforms. Bijvoorbeeld online marktplaatsen, sociale netwerken, platforms voor het delen van content, appstores en online reis- en accommodatieplatforms.</t>
  </si>
  <si>
    <t>Hoewel er veel voordelen zijn van de digitale transformatie, zijn er ook problemen. Een belangrijk punt van zorg is de handel en uitwisseling van illegale goederen, diensten en inhoud online. Online diensten worden ook misbruikt door manipulatieve algoritmische systemen om de verspreiding van desinformatie te versterken, en voor andere schadelijke doeleinden. Deze uitdagingen en de manier waarop platforms deze aanpakken, hebben een aanzienlijke impact op de grondrechten online.
Ondanks een reeks gerichte, sectorspecifieke interventies op EU-niveau waren er nog steeds aanzienlijke lacunes en juridische lasten die begin 2020 moesten worden aangepakt. Zo beheersen sommige grote platforms belangrijke ecosystemen in de digitale economie. Ze zijn naar voren gekomen als poortwachters in digitale markten, met de macht om op te treden als particuliere regelgevers. Deze regels leiden soms tot oneerlijke voorwaarden voor bedrijven die deze platforms gebruiken en tot minder keuze voor consumenten.
Daarom heeft de Europese Unie een modern rechtskader vastgesteld dat de veiligheid van gebruikers online waarborgt, governance met de bescherming van de grondrechten in haar voorhoede creëert en een eerlijke en open onlineplatformomgeving handhaaft.</t>
  </si>
  <si>
    <t>onlinetussenpersonen en platforms. Bijvoorbeeld online marktplaatsen, sociale netwerken, platforms voor het delen van content, appstores en online reis- en accommodatieplatforms.</t>
  </si>
  <si>
    <t>binnen 15 maanden na inwerking treding of van 1 jan 2024 (welke van de 2 als eerste plaatsvindt)</t>
  </si>
  <si>
    <t>Europese Commissie</t>
  </si>
  <si>
    <t>DMA</t>
  </si>
  <si>
    <t>https://digital-strategy.ec.europa.eu/en/policies/digital-services-act-package</t>
  </si>
  <si>
    <t>NvT</t>
  </si>
  <si>
    <t>Digital Market Act (DMA)</t>
  </si>
  <si>
    <t xml:space="preserve">Digital Market Act </t>
  </si>
  <si>
    <t>wet inzake de digitale markt</t>
  </si>
  <si>
    <t>twee hoofddoelstellingen:
1. een veiligere digitale ruimte te creëren waarin de grondrechten van alle gebruikers van digitale diensten worden beschermd;
2. een gelijk speelveld tot stand brengen om innovatie, groei en concurrentievermogen te bevorderen, zowel op de Europese eengemaakte markt als wereldwijd.
De DMA bevat regels die van toepassing zijn op online platforms voor poortwachters. Poortwachtersplatforms zijn digitale platforms met een systemische rol op de interne markt die fungeren als knelpunten tussen bedrijven en consumenten voor belangrijke digitale diensten. Sommige van deze diensten vallen ook onder de wet inzake digitale diensten, maar om verschillende redenen en met verschillende soorten bepalingen.</t>
  </si>
  <si>
    <t>online platforms voor poortwachters. Een platform is volgens de DMA een poortwachter als het dezelfde kernplatformdienst in ten minste 3 EU-lidstaten levert en in de laatste 3 jaar een jaaromzet van € 7,5 miljard in de EU heeft gerealiseerd of als het een marktwaarde heeft van minstens € 75 miljard in het afgelopen jaar. Ook moet zo’n platform gedurende 3 jaar ten minste 45 miljoen actieve eindgebruikers hebben en ten minste 10.000 zakelijke gebruikers die in de EU gevestigd zijn.
per 07-09-2023: 6 digitale platforms moeten met in totaal 22 van hun diensten vanaf maart 2024 aan de nieuwe Digital Markets Act (DMA) voldoen. Het gaat om Alphabet (onder andere Google Search, YouTube), Amazon, Apple (onder andere Appstore), ByteDance (TikTok), Meta (onder andere Facebook, Whatsapp) en Microsoft (onder andere Windows, LinkedIn) die zijn aangewezen.</t>
  </si>
  <si>
    <t>Vóór 3 juli 2023 moeten bedrijven de Commissie informatie verstrekken over hun aantal gebruikers, zodat de Commissie vóór 6 september „poortwachters” kan aanwijzen. Poortwachters hebben dan tot maart 2024 de tijd om ervoor te zorgen dat zij voldoen aan de verplichtingen van de DMA.</t>
  </si>
  <si>
    <t>Europese Commissie &amp; ACM</t>
  </si>
  <si>
    <t>DSA</t>
  </si>
  <si>
    <t>https://digital-markets-act.ec.europa.eu/index_en</t>
  </si>
  <si>
    <t>FIDA</t>
  </si>
  <si>
    <t>(Framework for) Financial Data Access</t>
  </si>
  <si>
    <t>kader voor toegang tot financiële gegevens </t>
  </si>
  <si>
    <t xml:space="preserve">Mogelijkheid, maar geen verplichting voor klanten om hun gegevens te delen met gegevensgebruikers (bv. financiële instellingen of fintechbedrijven) in een veilig machineleesbaar formaat voor het ontvangen van nieuwe, goedkopere en betere datagestuurde financiële en informatieproducten en -diensten (d.w.z. instrumenten voor financiële productvergelijking, gepersonaliseerd online advies)
Verplichting voor houders van klantgegevens (bv. financiële instellingen) om deze gegevens beschikbaar te stellen aan gegevensgebruikers (bv. andere financiële instellingen of fintechbedrijven) door de vereiste technische infrastructuur in te voeren en onder voorbehoud van toestemming van de klant. </t>
  </si>
  <si>
    <t>Consumenten moeten in staat gesteld worden hun gegevens te gebruiken over meerdere financiële diensten. (Denk aan vergelijking tussen producten of inzichten verkrijgen uit de data die de financiële instelling niet aanbiedt.
Financiële instellingen moeten daardoor verplicht worden data (gestandaardiseerd) aan te bieden.</t>
  </si>
  <si>
    <t>Consument / Financiële instellingen</t>
  </si>
  <si>
    <t>nog niet afgerond, eerste voorstel is juni 2023 gepubliceerd</t>
  </si>
  <si>
    <t>nader te bepalen</t>
  </si>
  <si>
    <t>vermoedelijk DNB</t>
  </si>
  <si>
    <t>PSD2, GDPR</t>
  </si>
  <si>
    <t>Er komen nieuwe type bedrijven die nog niet bestaan, die een licentieverplichting krijgen, en handelen in de verwerking van financiële gegevens (zoals bijv vergelijkingssites). Alles rondom compliancy zoals bij privacy werkzaamheden is mogelijk</t>
  </si>
  <si>
    <t>https://finance.ec.europa.eu/digital-finance/framework-financial-data-access_en
https://eur-lex.europa.eu/legal-content/EN/TXT/?uri=celex%3A52023PC0360</t>
  </si>
  <si>
    <t>PSD2/3</t>
  </si>
  <si>
    <t>Payment Service Directive</t>
  </si>
  <si>
    <t>richtlijn betaaldienstverlening</t>
  </si>
  <si>
    <t>Het verkrijgen van één gemeenschappelijke betaalsystematiek waarmee burgers en bedrijven grensoverschrijdende betalingen net zo gemakkelijk en veilig kunnen doen als in hun eigen land en onderworpen zijn aan dezelfde kosten.</t>
  </si>
  <si>
    <t>Innovatie in betaaldienstverlening stimuleren</t>
  </si>
  <si>
    <t>PSD2: november 2015
PSD3: gepubliceerd voorstel juni 2023</t>
  </si>
  <si>
    <t>PSD2: januari 2016</t>
  </si>
  <si>
    <t>februari 2019</t>
  </si>
  <si>
    <t>DNB</t>
  </si>
  <si>
    <t>e-money directive (deze is hier buiten beschouwing gelaten)</t>
  </si>
  <si>
    <t>De eerste wet die expliciet de uitvoering van IT audits verplicht stelt. De verplichting ziet toe op het beoodelen van de betrouwbaarheid en veiligheid van de producten in de betaaldienstverlening. Denk hierbij aan de implementatie van MFA.</t>
  </si>
  <si>
    <t>Er is een groot aantal kleine ondernemingen op de markt gekomen, die door middel van uitbestedingen diensten aan elkaar rijgen. Hierbij is veel behoefte aan inzicht in compliance vereisten en interne/externe beheersing.
De PSD3 gaat veel eisen wijzigen ten aanzien van incident reporting en data access principes.</t>
  </si>
  <si>
    <t>PSD2: https://eur-lex.europa.eu/legal-content/EN/TXT/?uri=celex%3A32015L2366
PSD3: https://eur-lex.europa.eu/legal-content/EN/TXT/?uri=CELEX:52023PC0366</t>
  </si>
  <si>
    <t>Cyber resilience Act</t>
  </si>
  <si>
    <t>Cyber resilience Act (CRA)</t>
  </si>
  <si>
    <t>Producten met digitale elementen worden gereguleerd om cybersecurity risico's met deze producten te verkleinen.
1) voorwaarden voor de ontwikkeling van veilige digitale producten (hardware &amp; software) die in de markt gezet worden om zodoende het aantal kwetsbaarheden terug te dringen.
2) Gebruikers in staat stellen kennis te nemen over het niveau van cybersecurity risico's in de producten.</t>
  </si>
  <si>
    <t>Cyber aanvallen met slechtbeveiligde producten (smart devices in huizen, speelgoed met elektronica etc).</t>
  </si>
  <si>
    <t>Fabrikanten van producten met een digitaal component.</t>
  </si>
  <si>
    <t>september 2022</t>
  </si>
  <si>
    <t>verwachting begin 2024</t>
  </si>
  <si>
    <t>3 jaar na de datum in-werking</t>
  </si>
  <si>
    <t>Onderdeel van 2020 EU Cybersecurity Strategy: NIS2</t>
  </si>
  <si>
    <t>https://digital-strategy.ec.europa.eu/en/library/cyber-resilience-act
https://eur-lex.europa.eu/legal-content/EN/TXT/?uri=celex:52022PC0454</t>
  </si>
  <si>
    <t>Cyber Security Act</t>
  </si>
  <si>
    <t>Cyber Security Act (CSA)</t>
  </si>
  <si>
    <t>Framework voor cybersecurity certificatie voor producten en diensten</t>
  </si>
  <si>
    <t xml:space="preserve">Hamoniseren van nationale certificatievereisten.
Meer cyber vertrouwen
</t>
  </si>
  <si>
    <t>april 2019 (aanpassing in april 2023)</t>
  </si>
  <si>
    <t>7 januari 2024</t>
  </si>
  <si>
    <t>?</t>
  </si>
  <si>
    <t>ENISA, RDI</t>
  </si>
  <si>
    <t>Het EU certificeringsschema voor Cloud Security en de bijbehorende taak voor het verzorgen van een certificering-autoriteit voor de uitgifte van third party certificates onder EUCS is een onderdeel van deze wet.</t>
  </si>
  <si>
    <t>https://digital-strategy.ec.europa.eu/en/policies/cybersecurity-act
https://eur-lex.europa.eu/eli/reg/2019/881/oj</t>
  </si>
  <si>
    <t>Data Governance Act</t>
  </si>
  <si>
    <t>Bevorderen van data deling binnen de gehele EU Digital Single Market
Het gaat bijvoorbeeld om het hergebruiken van medische data voor onderzoeksdoeleinden. Het ondersteunt in regels voor de wijze waarop gegevens gedeeld kunnen worden en de type werkgroepen die nadere regels kunnen stellen bij initiatieven.
De regelgeving zorgt ervoor dat data houdende organen binnen 2 maanden een besluit moeten nemen waarom datadeling wel of niet tot stand kan komen.</t>
  </si>
  <si>
    <t>- Geen vertrouwen in delen van data
- issues met het hergebruiken van data uit de publieke sector voor algemeen belang
- interoperabiliteitsproblemen met data gebruik
- vindbaarheid van data</t>
  </si>
  <si>
    <t>data intermediairs en overheid</t>
  </si>
  <si>
    <t>juni 2022</t>
  </si>
  <si>
    <t>september 2023</t>
  </si>
  <si>
    <t>Onderdeel van EU Strategy for data</t>
  </si>
  <si>
    <t>https://digital-strategy.ec.europa.eu/en/policies/data-governance-act-explained
https://eur-lex.europa.eu/legal-content/EN/TXT/?uri=CELEX%3A32022R0868</t>
  </si>
  <si>
    <t>Data Act</t>
  </si>
  <si>
    <t>beschikbaarheid en toegang tot data (vanuit IoT devices)</t>
  </si>
  <si>
    <t xml:space="preserve">- Onvodoelde toegang om data uit IoT te gebruiken ten behoeve het maatschappelijke verkeer.
- Concumenten en bedrijven rechten te geven tot de data dat wordt gegenereerd.
</t>
  </si>
  <si>
    <t>onduidelijk</t>
  </si>
  <si>
    <t>11 januari 2024</t>
  </si>
  <si>
    <t>september 2025</t>
  </si>
  <si>
    <t>dit is een verdere uitwerking van de Data Goverance Act</t>
  </si>
  <si>
    <t>https://digital-strategy.ec.europa.eu/en/policies/data-act</t>
  </si>
  <si>
    <t>AI Act</t>
  </si>
  <si>
    <t>Artificial Intelligence Act</t>
  </si>
  <si>
    <t>Kunstmatige intelligentie verordening</t>
  </si>
  <si>
    <t>Het regelgevingsvoorstel heeft tot doel AI-ontwikkelaars, -uitrolders en -gebruikers te voorzien van duidelijke vereisten en verplichtingen met betrekking tot specifieke toepassingen van AI. Tegelijkertijd beoogt het voorstel de administratieve en financiële lasten voor het bedrijfsleven, met name het midden- en kleinbedrijf (kmo’s), te verminderen.
Risico gebaseerde aanpak geldend voor alle AI toepassingen op basis van de definitie van de OECD</t>
  </si>
  <si>
    <t>De voorgestelde AI-verordening zorgt ervoor dat Europeanen kunnen vertrouwen wat AI te bieden heeft. Hoewel de meeste AI-systemen beperkt zijn tot geen risico’s en kunnen bijdragen aan het oplossen van veel maatschappelijke uitdagingen, creëren bepaalde AI-systemen risico’s die we moeten aanpakken om ongewenste resultaten te voorkomen.</t>
  </si>
  <si>
    <t>bedrijven/overheden die AI inzetten</t>
  </si>
  <si>
    <t>nog in behandeling</t>
  </si>
  <si>
    <t>Nog niet officieel bekend</t>
  </si>
  <si>
    <t>GDPR</t>
  </si>
  <si>
    <t>Third Party Assurance</t>
  </si>
  <si>
    <t>Governance
Declaration of conformity?
CE Marking?</t>
  </si>
  <si>
    <t>Nog niet officieel bekend
https://eur-lex.europa.eu/legal-content/EN/TXT/?uri=celex%3A52021PC0206</t>
  </si>
  <si>
    <t>NOREA Guiding Principles
Trustworthy AI Investigations</t>
  </si>
  <si>
    <t>RAAI</t>
  </si>
  <si>
    <t>AI Liability Directive</t>
  </si>
  <si>
    <t>richtlijn aansprakelijkheid AI</t>
  </si>
  <si>
    <t>Het voorstel voor de AI-aansprakelijkheidsrichtlijn heeft tot doel de werking van de interne markt te verbeteren
door uniforme regels vast te stellen voor bepaalde aspecten van de niet-contractuele wettelijke aansprakelijkheid voor schade veroorzaakt door
de betrokkenheid van AI-systemen.
In het voorstel worden de specifieke bewijsproblemen in verband met AI aangepakt en wordt gewaarborgd dat gerechtvaardigde claims niet worden gehinderd.</t>
  </si>
  <si>
    <t>Nog niet bekend</t>
  </si>
  <si>
    <t>AI Act en nieuwe productaansprakelijkheidsrichtlijn</t>
  </si>
  <si>
    <t>https://www.europarl.europa.eu/RegData/etudes/BRIE/2023/739342/EPRS_BRI(2023)739342_EN.pdf
https://commission.europa.eu/business-economy-euro/doing-business-eu/contract-rules/digital-contracts/liability-rules-artificial-intelligence_en?prefLang=nl&amp;etrans=nl</t>
  </si>
  <si>
    <t>MiCAR</t>
  </si>
  <si>
    <t>Markets in Crypto-assets Regulation</t>
  </si>
  <si>
    <t>Reguleer de cryptomarkt in de EU. Focus: rechtszekerheid, ondersteuning van innovatie en eerlijke concurrentie, bescherming van consumenten en investeerders, marktintegriteit en financiële stabiliteit;</t>
  </si>
  <si>
    <t>1) Ontrebeken van of onduidelijkheid over bestaande regelgeving voor aanbieden van cryptodiensten.
2) Gebrek aan regelgeving met betrekking tot het gebruik van DLT (Distributed Ledger Technology).</t>
  </si>
  <si>
    <t>Aanbieders cryptodiensten (distributed ledger technology)</t>
  </si>
  <si>
    <t>juni 2023</t>
  </si>
  <si>
    <t>december 2024</t>
  </si>
  <si>
    <t>AFM/DNB</t>
  </si>
  <si>
    <t>MiFID II, CRR</t>
  </si>
  <si>
    <t>Regulation - 2023/1114 - EN - EUR-Lex (europa.eu)</t>
  </si>
  <si>
    <t>DORA</t>
  </si>
  <si>
    <t>Digital Operational Resilience Act</t>
  </si>
  <si>
    <t>Harmonisering van resilience eisen aan financiële instellingen in diverse markten en het uitbreiden van het mandaat van toezichthouders mbt het mandaat bij IT leveranciers aan de financiële sector</t>
  </si>
  <si>
    <t>Fragmentatie in beheersing van ICT risks (maar met de mogelijkheid van concentratierisico's).
ineffectieve rapportages over dreigingen en incidenten
gecoordineerd testen</t>
  </si>
  <si>
    <t>Financiële sector</t>
  </si>
  <si>
    <t>december 2022</t>
  </si>
  <si>
    <t>januari 2023</t>
  </si>
  <si>
    <t>januari 2025</t>
  </si>
  <si>
    <t>CRR,CRD,MiFID II, Solvency II</t>
  </si>
  <si>
    <t>https://eur-lex.europa.eu/eli/reg/2022/2554/oj</t>
  </si>
  <si>
    <t xml:space="preserve">General Data Protection Regulation </t>
  </si>
  <si>
    <t>Algemene verordening gegevensbescherming</t>
  </si>
  <si>
    <t xml:space="preserve">Bescherming van persoonsgegevens, en het waarborgen van het vrije verkeer van persoonsgegevens binnen de Unie. </t>
  </si>
  <si>
    <t>Het beschermen van de rechten van burgers bij het verwerken van hun persoonsgegevens.</t>
  </si>
  <si>
    <t>bedrijven/overheden die persoonsgegevens verwerken</t>
  </si>
  <si>
    <t>mei 2016</t>
  </si>
  <si>
    <t>mei 2018</t>
  </si>
  <si>
    <t>Autoriteit Persoonsgegevens</t>
  </si>
  <si>
    <t>DMA, DA, DSA, AI Act</t>
  </si>
  <si>
    <t>Assurance opdrachten</t>
  </si>
  <si>
    <t xml:space="preserve">Governance, risicomanagement en interne beheersing
</t>
  </si>
  <si>
    <t>https://commission.europa.eu/law/law-topic/data-protection/data-protection-eu_nl</t>
  </si>
  <si>
    <t>Privacy Audit Proof
Data Protection Impact Assessment
Privacy Control Framework</t>
  </si>
  <si>
    <t>CER</t>
  </si>
  <si>
    <t>Critical Entities Resilience Directive</t>
  </si>
  <si>
    <t>Verplichting aan lidstaten om vitale dienstverleners te identificeren en daar risicoanalyses uit te voeren om de resilience van de betreffende dienstverleners vast te stellen.</t>
  </si>
  <si>
    <t>Het betreft 11 sectoren:
1 Energie
2) Transport
3) Banken
4) Financiele markt infrastructuur
5) Gezondheidszorg
6) Drinkwater
7) Afval(verwerking)
8) Digitale infrastructuur)
9) Overheid
10) Ruimtevaart
11) Voedselketen</t>
  </si>
  <si>
    <t>juli 2026</t>
  </si>
  <si>
    <t>NIS2</t>
  </si>
  <si>
    <t>Directive - 2022/2557 - EN - CER - EUR-Lex (europa.eu)</t>
  </si>
  <si>
    <t>Network and Information Security Directive</t>
  </si>
  <si>
    <t>De paraatheid van de lidstaten, door te eisen dat zij naar behoren zijn toegerust. 
Bijvoorbeeld met een Computer Security Incident Response Team (CSIRT) - NCSC
samenwerking tussen alle lidstaten, door de oprichting van een samenwerkingsgroep ter ondersteuning en vergemakkelijking van de strategische samenwerking en de uitwisseling van informatie tussen de lidstaten.
een veiligheidscultuur tussen sectoren die van vitaal belang zijn voor onze economie en samenleving en die sterk afhankelijk zijn van ICT, zoals energie, vervoer, water, bankieren, financiële-marktinfrastructuren, gezondheidszorg en digitale infrastructuur.</t>
  </si>
  <si>
    <t>verhogen van de resilience van lidstaten in de EU</t>
  </si>
  <si>
    <t>NIS - 2016
NIS2 - december 2023</t>
  </si>
  <si>
    <t>17 oktober 2024</t>
  </si>
  <si>
    <t>diverse</t>
  </si>
  <si>
    <t>Directive - 2022/2555 - EN - EUR-Lex (europa.eu)</t>
  </si>
  <si>
    <t>CSRD</t>
  </si>
  <si>
    <t>Corporate Sustainability Reporting Directive</t>
  </si>
  <si>
    <t>Deze nieuwe richtlijn moderniseert en versterkt de regels met betrekking tot de sociale en milieu-informatie die bedrijven moeten rapporteren. Een bredere reeks grote ondernemingen, evenals beursgenoteerde kmo’s, zal nu verplicht zijn om verslag uit te brengen over duurzaamheid.</t>
  </si>
  <si>
    <t>De nieuwe regels zullen ervoor zorgen dat beleggers en andere belanghebbenden toegang hebben tot de informatie die zij nodig hebben om de impact van bedrijven op mens en milieu te beoordelen en voor beleggers om financiële risico’s en kansen als gevolg van klimaatverandering en andere duurzaamheidskwesties te beoordelen. Ten slotte zullen de rapportagekosten voor bedrijven op de middellange tot lange termijn worden verlaagd door de te verstrekken informatie te harmoniseren.</t>
  </si>
  <si>
    <t>beursgenoteerde bedrijven
banken
verzekeringsmaatschappijen
andere ondernemingen die door de nationale autoriteiten zijn aangewezen als organisaties van openbaar belang</t>
  </si>
  <si>
    <t>boekjaar 2024 voor verslagen gepubliceerd in 2025</t>
  </si>
  <si>
    <t>AFM</t>
  </si>
  <si>
    <t>Assurance opdrachten, onderdeel jaarrekening controle. Een belangrijk onderdeel binnen de regelgeving betreft de Verklaring Omtrent Risicobeheersing (VOR),  onderdeel van de nederlandse Corporate Governance Code, dat in het bestuursverslagworden moet worden opgenomen voor boekjaar 2025. https://csrd-collectief.nl/csrd-en-de-verplichte-verklaring-omtrent-risicobeheersing-vor/#:~:text=De%20VOR%20is%20een%20verklaring,en%20hoe%20deze%20worden%20beheerst</t>
  </si>
  <si>
    <t>https://finance.ec.europa.eu/capital-markets-union-and-financial-markets/company-reporting-and-auditing/company-reporting/corporate-sustainability-reporting_en?prefLang=nl&amp;etrans=nl</t>
  </si>
  <si>
    <t>breed scala aan producten mbt Governance, risicomanagement en interne beheersing, Privacy, Cybersecurity</t>
  </si>
  <si>
    <t>EIDAS</t>
  </si>
  <si>
    <t xml:space="preserve">Regulation on electronic identification and trust services </t>
  </si>
  <si>
    <t>verordening betreffende elektronische identificatie en vertrouwensdiensten</t>
  </si>
  <si>
    <t xml:space="preserve">Met eIDAS is de EU erin geslaagd om de juiste fundamenten en een duidelijk juridisch kader te leggen voor mensen, bedrijven en overheidsdiensten om veilig toegang te krijgen tot diensten en transacties online uit te voeren in slechts één klik. De invoering van eIDAS betekent immers meer veiligheid en meer gemak voor elke onlineactiviteit, zoals het indienen van belastingaangiften, het inschrijven bij een buitenlandse universiteit, het op afstand openen van een bankrekening, het opzetten van een bedrijf in een andere lidstaat, het authenticeren van internetbetalingen, het bieden van onlineaanbestedingen en meer.
</t>
  </si>
  <si>
    <t>De eIDAS-verordening:
- zorgt ervoor dat mensen en bedrijven hun eigen nationale elektronische identificatiesystemen (eID’s) kunnen gebruiken om toegang te krijgen tot openbare diensten die online beschikbaar zijn in andere EU-landen;
- een Europese interne markt voor vertrouwensdiensten tot stand te brengen door ervoor te zorgen dat zij over de grenzen heen werken en dezelfde juridische status hebben als hun traditionele papieren equivalenten.
Alleen door zekerheid te bieden over de rechtsgeldigheid van deze diensten zullen bedrijven en burgers op natuurlijke wijze gebruik maken van digitale interacties.
De Europese Commissie heeft het bestaande regelgevingskader geëvalueerd door een open raadpleging te organiseren. Het doel van de raadpleging was feedback te verzamelen over factoren en belemmeringen voor de ontwikkeling en toepassing van vertrouwensdiensten en eID in Europa.</t>
  </si>
  <si>
    <t>bedrijven en overheden die diensten aanbieden waarbij identificatie een rol speelt</t>
  </si>
  <si>
    <t>https://digital-strategy.ec.europa.eu/nl/policies/eidas-regulation</t>
  </si>
  <si>
    <t>DigiD audits</t>
  </si>
  <si>
    <t>e-ID aka EIDAS 2.0</t>
  </si>
  <si>
    <t>EU Digital Identity</t>
  </si>
  <si>
    <t>Europese digitale identiteit</t>
  </si>
  <si>
    <t>Er komt een Europese digitale identiteit voor elke EU-burger, elke inwoner en elke onderneming in de EU die dat wil. Ze kunnen zich daarmee identificeren en kiezen welke persoonlijke gegevens ze willen delen, zowel online als offline, met overheidsinstanties en bedrijven in de hele EU.
Iedere EU-burger en inwoner van de EU kan die in een persoonlijke digitale portemonnee opslaan.</t>
  </si>
  <si>
    <t xml:space="preserve">De digitale identificatiesystemen die overheden in de EU vandaag de dag aanbieden, hebben verschillende belangrijke tekortkomingen. Ze zijn niet beschikbaar voor de hele bevolking, zijn vaak beperkt tot online overheidsdiensten en kunnen niet gemakkelijk in een ander land worden gebruikt.  
In alle EU-landen samen accepteert nog maar 14% van alle belangrijke openbare dienstverleners zo’n elektronisch bewijs uit een ander land, bijvoorbeeld om iemands identiteit te checken zonder extra wachtwoord. Erg vaak gebeurt dat nog niet, maar het aantal gevallen neemt wel toe. </t>
  </si>
  <si>
    <t>gehele samenleving</t>
  </si>
  <si>
    <t>TBD</t>
  </si>
  <si>
    <t>https://digital-strategy.ec.europa.eu/en/policies/electronic-identification
https://commission.europa.eu/strategy-and-policy/priorities-2019-2024/europe-fit-digital-age/european-digital-identity_en</t>
  </si>
  <si>
    <t>Uitbreiding van DigiD Audits incl control framework obv standaarden</t>
  </si>
  <si>
    <t>European Health Data Space</t>
  </si>
  <si>
    <t>European Health Data Space Directive</t>
  </si>
  <si>
    <t>Verordening tot oprichting van een Europese ruimte voor gezondheidsgegevens</t>
  </si>
  <si>
    <t>Toegang tot je eigen gezondheidsdata, gebruik van gezondheidgegevens in de gezondheidszorg
Data gebruik voor onderzoek en innovatie</t>
  </si>
  <si>
    <t>consument</t>
  </si>
  <si>
    <t xml:space="preserve">nog niet afgerond, eerste bespreking in het Europese Parlement heeft in december 2023 plaatsgevonden en aanpassingen worden momenteel doorgevoerd. </t>
  </si>
  <si>
    <t>GDPR, Data Governance Act</t>
  </si>
  <si>
    <t>RED</t>
  </si>
  <si>
    <t>Radio Equipment Directive</t>
  </si>
  <si>
    <t xml:space="preserve">Radioapparatenrichtlijn </t>
  </si>
  <si>
    <t xml:space="preserve">
- andere apparatuur niet onacceptabel veel storen;
- voldoende immuun zijn voor storende signalen;
- geen gevaar vormen voor de gezondheid en veiligheid;
- efficiënt en effectief gebruikmaken van het radiospectrum.</t>
  </si>
  <si>
    <t>veiligheidseisen, gezondheidseisen, cyberveiligheid</t>
  </si>
  <si>
    <t>Fabrikanten, importeurs en verkopers van radioapparaten</t>
  </si>
  <si>
    <t>Diverse versies sinds oktober 2016</t>
  </si>
  <si>
    <t>31-12-2017 en vanaf 1 augustus 2024 ook cybersecurity</t>
  </si>
  <si>
    <t>RDI</t>
  </si>
  <si>
    <t>CE-markeringen, EMC richtlijn</t>
  </si>
  <si>
    <t xml:space="preserve">https://www.rdi.nl/onderwerpen/handel-en-apparatuur/richtlijnen-en-eisen
</t>
  </si>
  <si>
    <t>Wouter-Bas van der Vegt, Dennis van Heijst, Lianne Versluis</t>
  </si>
  <si>
    <t>&lt;norea link&gt;</t>
  </si>
  <si>
    <t>Betreft Europese regelgeving dat door elke lidstaat zelf naar een eigen wet vertaald moet worden. De lidstaat specifieke wet volgt het framework van de EU, maar kan op details afwijken.</t>
  </si>
  <si>
    <t>Betreft Europese regelgeving dat in elk van de lidstaten direct als wet toepasbaar is.</t>
  </si>
  <si>
    <t>Regulation / Act</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4" x14ac:knownFonts="1">
    <font>
      <sz val="11"/>
      <color theme="1"/>
      <name val="Calibri"/>
      <family val="2"/>
      <scheme val="minor"/>
    </font>
    <font>
      <b/>
      <sz val="11"/>
      <color theme="1"/>
      <name val="Calibri"/>
      <family val="2"/>
      <scheme val="minor"/>
    </font>
    <font>
      <u/>
      <sz val="11"/>
      <color theme="10"/>
      <name val="Calibri"/>
      <family val="2"/>
      <scheme val="minor"/>
    </font>
    <font>
      <sz val="11"/>
      <color rgb="FFBDC1C6"/>
      <name val="Arial"/>
      <family val="2"/>
      <charset val="1"/>
    </font>
  </fonts>
  <fills count="2">
    <fill>
      <patternFill patternType="none"/>
    </fill>
    <fill>
      <patternFill patternType="gray125"/>
    </fill>
  </fills>
  <borders count="1">
    <border>
      <left/>
      <right/>
      <top/>
      <bottom/>
      <diagonal/>
    </border>
  </borders>
  <cellStyleXfs count="2">
    <xf numFmtId="0" fontId="0" fillId="0" borderId="0"/>
    <xf numFmtId="0" fontId="2" fillId="0" borderId="0" applyNumberFormat="0" applyFill="0" applyBorder="0" applyAlignment="0" applyProtection="0"/>
  </cellStyleXfs>
  <cellXfs count="14">
    <xf numFmtId="0" fontId="0" fillId="0" borderId="0" xfId="0"/>
    <xf numFmtId="0" fontId="0" fillId="0" borderId="0" xfId="0" applyAlignment="1">
      <alignment vertical="top" wrapText="1"/>
    </xf>
    <xf numFmtId="0" fontId="1" fillId="0" borderId="0" xfId="0" applyFont="1" applyAlignment="1">
      <alignment vertical="top" wrapText="1"/>
    </xf>
    <xf numFmtId="15" fontId="0" fillId="0" borderId="0" xfId="0" applyNumberFormat="1" applyAlignment="1">
      <alignment vertical="top" wrapText="1"/>
    </xf>
    <xf numFmtId="49" fontId="0" fillId="0" borderId="0" xfId="0" applyNumberFormat="1" applyAlignment="1">
      <alignment vertical="top" wrapText="1"/>
    </xf>
    <xf numFmtId="0" fontId="2" fillId="0" borderId="0" xfId="1" applyAlignment="1">
      <alignment vertical="top" wrapText="1"/>
    </xf>
    <xf numFmtId="0" fontId="0" fillId="0" borderId="0" xfId="0" quotePrefix="1" applyAlignment="1">
      <alignment vertical="top" wrapText="1"/>
    </xf>
    <xf numFmtId="0" fontId="2" fillId="0" borderId="0" xfId="1"/>
    <xf numFmtId="15" fontId="0" fillId="0" borderId="0" xfId="0" quotePrefix="1" applyNumberFormat="1" applyAlignment="1">
      <alignment vertical="top" wrapText="1"/>
    </xf>
    <xf numFmtId="0" fontId="0" fillId="0" borderId="0" xfId="0" applyAlignment="1">
      <alignment wrapText="1"/>
    </xf>
    <xf numFmtId="15" fontId="0" fillId="0" borderId="0" xfId="0" applyNumberFormat="1"/>
    <xf numFmtId="15" fontId="0" fillId="0" borderId="0" xfId="0" applyNumberFormat="1" applyAlignment="1">
      <alignment wrapText="1"/>
    </xf>
    <xf numFmtId="0" fontId="3" fillId="0" borderId="0" xfId="0" applyFont="1"/>
    <xf numFmtId="16" fontId="0" fillId="0" borderId="0" xfId="0" applyNumberFormat="1"/>
  </cellXfs>
  <cellStyles count="2">
    <cellStyle name="Hyperlink" xfId="1" builtinId="8"/>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microsoft.com/office/2017/10/relationships/person" Target="persons/person.xml"/><Relationship Id="rId11" Type="http://schemas.openxmlformats.org/officeDocument/2006/relationships/customXml" Target="../customXml/item5.xml"/><Relationship Id="rId5" Type="http://schemas.openxmlformats.org/officeDocument/2006/relationships/sharedStrings" Target="sharedStrings.xml"/><Relationship Id="rId10" Type="http://schemas.openxmlformats.org/officeDocument/2006/relationships/customXml" Target="../customXml/item4.xml"/><Relationship Id="rId4" Type="http://schemas.openxmlformats.org/officeDocument/2006/relationships/styles" Target="styles.xml"/><Relationship Id="rId9" Type="http://schemas.openxmlformats.org/officeDocument/2006/relationships/customXml" Target="../customXml/item3.xml"/></Relationships>
</file>

<file path=xl/persons/person.xml><?xml version="1.0" encoding="utf-8"?>
<personList xmlns="http://schemas.microsoft.com/office/spreadsheetml/2018/threadedcomments" xmlns:x="http://schemas.openxmlformats.org/spreadsheetml/2006/main"/>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2.xml.rels><?xml version="1.0" encoding="UTF-8" standalone="yes"?>
<Relationships xmlns="http://schemas.openxmlformats.org/package/2006/relationships"><Relationship Id="rId8" Type="http://schemas.openxmlformats.org/officeDocument/2006/relationships/hyperlink" Target="https://eur-lex.europa.eu/legal-content/EN/TXT/?uri=celex%3A52023PC0360" TargetMode="External"/><Relationship Id="rId13" Type="http://schemas.openxmlformats.org/officeDocument/2006/relationships/hyperlink" Target="https://eur-lex.europa.eu/eli/dir/2022/2555" TargetMode="External"/><Relationship Id="rId3" Type="http://schemas.openxmlformats.org/officeDocument/2006/relationships/hyperlink" Target="https://www.norea.nl/uploads/bfile/a344c98a-e334-4cf8-87c4-1b45da3d9bc1" TargetMode="External"/><Relationship Id="rId7" Type="http://schemas.openxmlformats.org/officeDocument/2006/relationships/hyperlink" Target="https://digital-strategy.ec.europa.eu/en/policies/electronic-identification" TargetMode="External"/><Relationship Id="rId12" Type="http://schemas.openxmlformats.org/officeDocument/2006/relationships/hyperlink" Target="https://eur-lex.europa.eu/eli/reg/2023/1114/oj" TargetMode="External"/><Relationship Id="rId2" Type="http://schemas.openxmlformats.org/officeDocument/2006/relationships/hyperlink" Target="https://digital-markets-act.ec.europa.eu/index_en" TargetMode="External"/><Relationship Id="rId1" Type="http://schemas.openxmlformats.org/officeDocument/2006/relationships/hyperlink" Target="https://digital-strategy.ec.europa.eu/en/policies/digital-services-act-package" TargetMode="External"/><Relationship Id="rId6" Type="http://schemas.openxmlformats.org/officeDocument/2006/relationships/hyperlink" Target="https://digital-strategy.ec.europa.eu/nl/policies/eidas-regulation" TargetMode="External"/><Relationship Id="rId11" Type="http://schemas.openxmlformats.org/officeDocument/2006/relationships/hyperlink" Target="https://eur-lex.europa.eu/eli/reg/2022/2554/oj" TargetMode="External"/><Relationship Id="rId5" Type="http://schemas.openxmlformats.org/officeDocument/2006/relationships/hyperlink" Target="https://commission.europa.eu/law/law-topic/data-protection/data-protection-eu_nl" TargetMode="External"/><Relationship Id="rId15" Type="http://schemas.openxmlformats.org/officeDocument/2006/relationships/hyperlink" Target="https://digital-strategy.ec.europa.eu/en/policies/data-act" TargetMode="External"/><Relationship Id="rId10" Type="http://schemas.openxmlformats.org/officeDocument/2006/relationships/hyperlink" Target="https://digital-strategy.ec.europa.eu/en/policies/cybersecurity-act" TargetMode="External"/><Relationship Id="rId4" Type="http://schemas.openxmlformats.org/officeDocument/2006/relationships/hyperlink" Target="https://finance.ec.europa.eu/capital-markets-union-and-financial-markets/company-reporting-and-auditing/company-reporting/corporate-sustainability-reporting_en?prefLang=nl&amp;etrans=nl" TargetMode="External"/><Relationship Id="rId9" Type="http://schemas.openxmlformats.org/officeDocument/2006/relationships/hyperlink" Target="https://digital-strategy.ec.europa.eu/en/library/cyber-resilience-act" TargetMode="External"/><Relationship Id="rId14" Type="http://schemas.openxmlformats.org/officeDocument/2006/relationships/hyperlink" Target="https://eur-lex.europa.eu/eli/dir/2022/2557/oj"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5286773-39E7-4E9F-B79C-A148DF21BC2F}">
  <dimension ref="A1:C6"/>
  <sheetViews>
    <sheetView workbookViewId="0">
      <selection activeCell="D16" sqref="D16"/>
    </sheetView>
  </sheetViews>
  <sheetFormatPr defaultRowHeight="15" x14ac:dyDescent="0.25"/>
  <cols>
    <col min="1" max="1" width="12.28515625" bestFit="1" customWidth="1"/>
    <col min="2" max="2" width="17.85546875" customWidth="1"/>
  </cols>
  <sheetData>
    <row r="1" spans="1:3" x14ac:dyDescent="0.25">
      <c r="A1" t="s">
        <v>0</v>
      </c>
      <c r="B1">
        <v>0.9</v>
      </c>
    </row>
    <row r="2" spans="1:3" x14ac:dyDescent="0.25">
      <c r="A2" t="s">
        <v>1</v>
      </c>
      <c r="B2" s="13">
        <v>45398</v>
      </c>
    </row>
    <row r="3" spans="1:3" x14ac:dyDescent="0.25">
      <c r="A3" t="s">
        <v>2</v>
      </c>
      <c r="B3" t="s">
        <v>213</v>
      </c>
    </row>
    <row r="4" spans="1:3" x14ac:dyDescent="0.25">
      <c r="A4" t="s">
        <v>3</v>
      </c>
      <c r="B4" t="s">
        <v>214</v>
      </c>
    </row>
    <row r="5" spans="1:3" x14ac:dyDescent="0.25">
      <c r="A5" t="s">
        <v>4</v>
      </c>
      <c r="B5" t="s">
        <v>5</v>
      </c>
      <c r="C5" t="s">
        <v>215</v>
      </c>
    </row>
    <row r="6" spans="1:3" x14ac:dyDescent="0.25">
      <c r="B6" t="s">
        <v>217</v>
      </c>
      <c r="C6" t="s">
        <v>216</v>
      </c>
    </row>
  </sheetData>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807665A-6D54-4BBA-A858-E6AA70F11A9D}">
  <dimension ref="A1:Q21"/>
  <sheetViews>
    <sheetView tabSelected="1" workbookViewId="0">
      <pane xSplit="1" ySplit="1" topLeftCell="B2" activePane="bottomRight" state="frozen"/>
      <selection pane="topRight"/>
      <selection pane="bottomLeft"/>
      <selection pane="bottomRight" activeCell="B2" sqref="B2"/>
    </sheetView>
  </sheetViews>
  <sheetFormatPr defaultRowHeight="15" x14ac:dyDescent="0.25"/>
  <cols>
    <col min="4" max="4" width="36.85546875" customWidth="1"/>
    <col min="5" max="5" width="58.28515625" customWidth="1"/>
    <col min="6" max="6" width="35.140625" customWidth="1"/>
    <col min="7" max="7" width="11.28515625" customWidth="1"/>
    <col min="8" max="8" width="10.7109375" customWidth="1"/>
    <col min="9" max="9" width="17.42578125" customWidth="1"/>
    <col min="10" max="10" width="14.7109375" customWidth="1"/>
    <col min="11" max="11" width="14.140625" customWidth="1"/>
    <col min="12" max="12" width="14.42578125" customWidth="1"/>
    <col min="13" max="13" width="19.28515625" customWidth="1"/>
    <col min="14" max="14" width="13.28515625" customWidth="1"/>
    <col min="15" max="15" width="11" customWidth="1"/>
  </cols>
  <sheetData>
    <row r="1" spans="1:17" ht="105" x14ac:dyDescent="0.25">
      <c r="B1" s="2" t="s">
        <v>6</v>
      </c>
      <c r="C1" s="2" t="s">
        <v>7</v>
      </c>
      <c r="D1" s="2" t="s">
        <v>8</v>
      </c>
      <c r="E1" s="2" t="s">
        <v>9</v>
      </c>
      <c r="F1" s="2" t="s">
        <v>10</v>
      </c>
      <c r="G1" s="2" t="s">
        <v>11</v>
      </c>
      <c r="H1" s="2" t="s">
        <v>12</v>
      </c>
      <c r="I1" s="2" t="s">
        <v>13</v>
      </c>
      <c r="J1" s="2" t="s">
        <v>14</v>
      </c>
      <c r="K1" s="2" t="s">
        <v>15</v>
      </c>
      <c r="L1" s="2" t="s">
        <v>16</v>
      </c>
      <c r="M1" s="2" t="s">
        <v>17</v>
      </c>
      <c r="N1" s="2" t="s">
        <v>18</v>
      </c>
      <c r="O1" s="2" t="s">
        <v>19</v>
      </c>
    </row>
    <row r="2" spans="1:17" ht="390" x14ac:dyDescent="0.25">
      <c r="A2" s="2" t="s">
        <v>20</v>
      </c>
      <c r="B2" s="1" t="s">
        <v>21</v>
      </c>
      <c r="C2" s="1" t="s">
        <v>22</v>
      </c>
      <c r="D2" s="1" t="s">
        <v>23</v>
      </c>
      <c r="E2" s="1" t="s">
        <v>24</v>
      </c>
      <c r="F2" s="1" t="s">
        <v>25</v>
      </c>
      <c r="G2" s="3">
        <v>44861</v>
      </c>
      <c r="H2" s="3">
        <v>44881</v>
      </c>
      <c r="I2" s="3" t="s">
        <v>26</v>
      </c>
      <c r="J2" s="1" t="s">
        <v>27</v>
      </c>
      <c r="K2" s="1" t="s">
        <v>28</v>
      </c>
      <c r="L2" s="1"/>
      <c r="M2" s="1"/>
      <c r="N2" s="5" t="s">
        <v>29</v>
      </c>
      <c r="O2" s="2" t="s">
        <v>30</v>
      </c>
      <c r="P2" s="2"/>
      <c r="Q2" s="2"/>
    </row>
    <row r="3" spans="1:17" ht="405" x14ac:dyDescent="0.25">
      <c r="A3" s="2" t="s">
        <v>31</v>
      </c>
      <c r="B3" s="1" t="s">
        <v>32</v>
      </c>
      <c r="C3" s="1" t="s">
        <v>33</v>
      </c>
      <c r="D3" s="1" t="s">
        <v>34</v>
      </c>
      <c r="E3" s="1" t="s">
        <v>24</v>
      </c>
      <c r="F3" s="1" t="s">
        <v>35</v>
      </c>
      <c r="G3" s="3">
        <v>44846</v>
      </c>
      <c r="H3" s="3">
        <v>44866</v>
      </c>
      <c r="I3" s="1" t="s">
        <v>36</v>
      </c>
      <c r="J3" s="1" t="s">
        <v>37</v>
      </c>
      <c r="K3" s="1" t="s">
        <v>38</v>
      </c>
      <c r="L3" s="1"/>
      <c r="M3" s="1"/>
      <c r="N3" s="5" t="s">
        <v>39</v>
      </c>
      <c r="O3" s="2" t="s">
        <v>30</v>
      </c>
      <c r="P3" s="2"/>
      <c r="Q3" s="2"/>
    </row>
    <row r="4" spans="1:17" ht="330" x14ac:dyDescent="0.25">
      <c r="A4" s="2" t="s">
        <v>40</v>
      </c>
      <c r="B4" s="1" t="s">
        <v>41</v>
      </c>
      <c r="C4" s="1" t="s">
        <v>42</v>
      </c>
      <c r="D4" s="1" t="s">
        <v>43</v>
      </c>
      <c r="E4" s="1" t="s">
        <v>44</v>
      </c>
      <c r="F4" s="1" t="s">
        <v>45</v>
      </c>
      <c r="G4" s="1" t="s">
        <v>46</v>
      </c>
      <c r="H4" s="1" t="s">
        <v>47</v>
      </c>
      <c r="I4" s="1" t="s">
        <v>47</v>
      </c>
      <c r="J4" s="1" t="s">
        <v>48</v>
      </c>
      <c r="K4" s="1" t="s">
        <v>49</v>
      </c>
      <c r="L4" s="1"/>
      <c r="M4" s="1" t="s">
        <v>50</v>
      </c>
      <c r="N4" s="5" t="s">
        <v>51</v>
      </c>
      <c r="O4" s="2" t="s">
        <v>30</v>
      </c>
      <c r="P4" s="2"/>
      <c r="Q4" s="2"/>
    </row>
    <row r="5" spans="1:17" ht="315" x14ac:dyDescent="0.25">
      <c r="A5" s="2" t="s">
        <v>52</v>
      </c>
      <c r="B5" s="1" t="s">
        <v>53</v>
      </c>
      <c r="C5" s="1" t="s">
        <v>54</v>
      </c>
      <c r="D5" s="1" t="s">
        <v>55</v>
      </c>
      <c r="E5" s="1" t="s">
        <v>56</v>
      </c>
      <c r="F5" s="1" t="s">
        <v>45</v>
      </c>
      <c r="G5" s="1" t="s">
        <v>57</v>
      </c>
      <c r="H5" s="1" t="s">
        <v>58</v>
      </c>
      <c r="I5" s="6" t="s">
        <v>59</v>
      </c>
      <c r="J5" s="1" t="s">
        <v>60</v>
      </c>
      <c r="K5" s="1" t="s">
        <v>61</v>
      </c>
      <c r="L5" s="1" t="s">
        <v>62</v>
      </c>
      <c r="M5" s="1" t="s">
        <v>63</v>
      </c>
      <c r="N5" s="1" t="s">
        <v>64</v>
      </c>
      <c r="O5" s="2"/>
      <c r="P5" s="2"/>
      <c r="Q5" s="2"/>
    </row>
    <row r="6" spans="1:17" ht="225" x14ac:dyDescent="0.25">
      <c r="A6" s="2" t="s">
        <v>65</v>
      </c>
      <c r="B6" s="1" t="s">
        <v>66</v>
      </c>
      <c r="C6" s="1"/>
      <c r="D6" s="1" t="s">
        <v>67</v>
      </c>
      <c r="E6" s="1" t="s">
        <v>68</v>
      </c>
      <c r="F6" s="1" t="s">
        <v>69</v>
      </c>
      <c r="G6" s="6" t="s">
        <v>70</v>
      </c>
      <c r="H6" s="1" t="s">
        <v>71</v>
      </c>
      <c r="I6" s="1" t="s">
        <v>72</v>
      </c>
      <c r="J6" s="1"/>
      <c r="K6" s="1" t="s">
        <v>73</v>
      </c>
      <c r="L6" s="1"/>
      <c r="M6" s="1"/>
      <c r="N6" s="5" t="s">
        <v>74</v>
      </c>
      <c r="O6" s="2"/>
      <c r="P6" s="2"/>
      <c r="Q6" s="2"/>
    </row>
    <row r="7" spans="1:17" ht="409.5" x14ac:dyDescent="0.25">
      <c r="A7" s="2" t="s">
        <v>75</v>
      </c>
      <c r="B7" s="1" t="s">
        <v>76</v>
      </c>
      <c r="C7" s="1"/>
      <c r="D7" s="1" t="s">
        <v>77</v>
      </c>
      <c r="E7" s="1" t="s">
        <v>78</v>
      </c>
      <c r="F7" s="1"/>
      <c r="G7" s="6" t="s">
        <v>79</v>
      </c>
      <c r="H7" s="6" t="s">
        <v>80</v>
      </c>
      <c r="I7" s="1" t="s">
        <v>81</v>
      </c>
      <c r="J7" s="1" t="s">
        <v>82</v>
      </c>
      <c r="K7" s="1" t="s">
        <v>73</v>
      </c>
      <c r="L7" s="1" t="s">
        <v>83</v>
      </c>
      <c r="M7" s="1"/>
      <c r="N7" s="5" t="s">
        <v>84</v>
      </c>
      <c r="O7" s="2"/>
      <c r="P7" s="2"/>
      <c r="Q7" s="2"/>
    </row>
    <row r="8" spans="1:17" ht="270" x14ac:dyDescent="0.25">
      <c r="A8" s="2" t="s">
        <v>85</v>
      </c>
      <c r="B8" s="1" t="s">
        <v>85</v>
      </c>
      <c r="C8" s="1"/>
      <c r="D8" s="1" t="s">
        <v>86</v>
      </c>
      <c r="E8" s="6" t="s">
        <v>87</v>
      </c>
      <c r="F8" s="1" t="s">
        <v>88</v>
      </c>
      <c r="G8" s="1"/>
      <c r="H8" s="6" t="s">
        <v>89</v>
      </c>
      <c r="I8" s="6" t="s">
        <v>90</v>
      </c>
      <c r="J8" s="1"/>
      <c r="K8" s="1" t="s">
        <v>91</v>
      </c>
      <c r="L8" s="1"/>
      <c r="M8" s="1"/>
      <c r="N8" s="1" t="s">
        <v>92</v>
      </c>
      <c r="O8" s="2"/>
      <c r="P8" s="2"/>
      <c r="Q8" s="2"/>
    </row>
    <row r="9" spans="1:17" ht="90" x14ac:dyDescent="0.25">
      <c r="A9" s="2" t="s">
        <v>93</v>
      </c>
      <c r="B9" s="1" t="s">
        <v>93</v>
      </c>
      <c r="C9" s="1"/>
      <c r="D9" s="1" t="s">
        <v>94</v>
      </c>
      <c r="E9" s="6" t="s">
        <v>95</v>
      </c>
      <c r="F9" s="1" t="s">
        <v>96</v>
      </c>
      <c r="G9" s="1"/>
      <c r="H9" s="6" t="s">
        <v>97</v>
      </c>
      <c r="I9" s="6" t="s">
        <v>98</v>
      </c>
      <c r="J9" s="1"/>
      <c r="K9" s="1" t="s">
        <v>99</v>
      </c>
      <c r="L9" s="1"/>
      <c r="M9" s="1"/>
      <c r="N9" s="5" t="s">
        <v>100</v>
      </c>
      <c r="O9" s="2"/>
      <c r="P9" s="2"/>
      <c r="Q9" s="2"/>
    </row>
    <row r="10" spans="1:17" ht="225" x14ac:dyDescent="0.25">
      <c r="A10" s="2" t="s">
        <v>101</v>
      </c>
      <c r="B10" s="1" t="s">
        <v>102</v>
      </c>
      <c r="C10" s="1" t="s">
        <v>103</v>
      </c>
      <c r="D10" s="1" t="s">
        <v>104</v>
      </c>
      <c r="E10" s="1" t="s">
        <v>105</v>
      </c>
      <c r="F10" s="1" t="s">
        <v>106</v>
      </c>
      <c r="G10" s="1" t="s">
        <v>107</v>
      </c>
      <c r="H10" s="1" t="s">
        <v>107</v>
      </c>
      <c r="I10" s="1" t="s">
        <v>107</v>
      </c>
      <c r="J10" s="1" t="s">
        <v>108</v>
      </c>
      <c r="K10" s="1" t="s">
        <v>109</v>
      </c>
      <c r="L10" s="1" t="s">
        <v>110</v>
      </c>
      <c r="M10" s="1" t="s">
        <v>111</v>
      </c>
      <c r="N10" s="1" t="s">
        <v>112</v>
      </c>
      <c r="O10" s="5" t="s">
        <v>113</v>
      </c>
      <c r="P10" s="2"/>
      <c r="Q10" s="2"/>
    </row>
    <row r="11" spans="1:17" ht="345" x14ac:dyDescent="0.25">
      <c r="A11" s="2" t="s">
        <v>114</v>
      </c>
      <c r="B11" s="1" t="s">
        <v>115</v>
      </c>
      <c r="C11" s="1" t="s">
        <v>116</v>
      </c>
      <c r="D11" s="1" t="s">
        <v>117</v>
      </c>
      <c r="E11" s="1"/>
      <c r="F11" s="1"/>
      <c r="G11" s="1" t="s">
        <v>107</v>
      </c>
      <c r="H11" s="1" t="s">
        <v>107</v>
      </c>
      <c r="I11" s="1" t="s">
        <v>107</v>
      </c>
      <c r="J11" s="1" t="s">
        <v>118</v>
      </c>
      <c r="K11" s="1" t="s">
        <v>119</v>
      </c>
      <c r="L11" s="1" t="s">
        <v>110</v>
      </c>
      <c r="M11" s="1" t="s">
        <v>111</v>
      </c>
      <c r="N11" s="1" t="s">
        <v>120</v>
      </c>
      <c r="O11" s="2"/>
      <c r="P11" s="2"/>
      <c r="Q11" s="2"/>
    </row>
    <row r="12" spans="1:17" ht="105" x14ac:dyDescent="0.25">
      <c r="A12" s="2" t="s">
        <v>121</v>
      </c>
      <c r="B12" s="1" t="s">
        <v>122</v>
      </c>
      <c r="C12" s="1"/>
      <c r="D12" s="1" t="s">
        <v>123</v>
      </c>
      <c r="E12" s="1" t="s">
        <v>124</v>
      </c>
      <c r="F12" s="1" t="s">
        <v>125</v>
      </c>
      <c r="G12" s="1" t="s">
        <v>126</v>
      </c>
      <c r="H12" s="4" t="s">
        <v>127</v>
      </c>
      <c r="I12" s="4"/>
      <c r="J12" s="1" t="s">
        <v>128</v>
      </c>
      <c r="K12" s="1" t="s">
        <v>129</v>
      </c>
      <c r="L12" s="1"/>
      <c r="M12" s="1"/>
      <c r="N12" s="7" t="s">
        <v>130</v>
      </c>
      <c r="O12" s="2"/>
      <c r="P12" s="2"/>
      <c r="Q12" s="2"/>
    </row>
    <row r="13" spans="1:17" ht="105" x14ac:dyDescent="0.25">
      <c r="A13" s="2" t="s">
        <v>131</v>
      </c>
      <c r="B13" s="1" t="s">
        <v>132</v>
      </c>
      <c r="C13" s="1"/>
      <c r="D13" s="1" t="s">
        <v>133</v>
      </c>
      <c r="E13" s="1" t="s">
        <v>134</v>
      </c>
      <c r="F13" s="1" t="s">
        <v>135</v>
      </c>
      <c r="G13" s="6" t="s">
        <v>136</v>
      </c>
      <c r="H13" s="6" t="s">
        <v>137</v>
      </c>
      <c r="I13" s="6" t="s">
        <v>138</v>
      </c>
      <c r="J13" s="1" t="s">
        <v>128</v>
      </c>
      <c r="K13" s="1" t="s">
        <v>139</v>
      </c>
      <c r="L13" s="1"/>
      <c r="M13" s="1"/>
      <c r="N13" s="5" t="s">
        <v>140</v>
      </c>
      <c r="O13" s="2"/>
      <c r="P13" s="2"/>
      <c r="Q13" s="2"/>
    </row>
    <row r="14" spans="1:17" ht="165" x14ac:dyDescent="0.25">
      <c r="A14" s="2" t="s">
        <v>109</v>
      </c>
      <c r="B14" s="1" t="s">
        <v>141</v>
      </c>
      <c r="C14" s="1" t="s">
        <v>142</v>
      </c>
      <c r="D14" s="1" t="s">
        <v>143</v>
      </c>
      <c r="E14" s="1" t="s">
        <v>144</v>
      </c>
      <c r="F14" s="1" t="s">
        <v>145</v>
      </c>
      <c r="G14" s="1" t="s">
        <v>146</v>
      </c>
      <c r="H14" s="1" t="s">
        <v>147</v>
      </c>
      <c r="I14" s="1"/>
      <c r="J14" s="1" t="s">
        <v>148</v>
      </c>
      <c r="K14" s="1" t="s">
        <v>149</v>
      </c>
      <c r="L14" s="1" t="s">
        <v>150</v>
      </c>
      <c r="M14" s="1" t="s">
        <v>151</v>
      </c>
      <c r="N14" s="5" t="s">
        <v>152</v>
      </c>
      <c r="O14" s="2" t="s">
        <v>153</v>
      </c>
      <c r="P14" s="2"/>
      <c r="Q14" s="2"/>
    </row>
    <row r="15" spans="1:17" ht="225" x14ac:dyDescent="0.25">
      <c r="A15" s="2" t="s">
        <v>154</v>
      </c>
      <c r="B15" s="1" t="s">
        <v>155</v>
      </c>
      <c r="C15" s="1"/>
      <c r="D15" s="1" t="s">
        <v>156</v>
      </c>
      <c r="E15" s="1"/>
      <c r="F15" s="1" t="s">
        <v>157</v>
      </c>
      <c r="G15" s="6" t="s">
        <v>136</v>
      </c>
      <c r="H15" s="6" t="s">
        <v>137</v>
      </c>
      <c r="I15" s="6" t="s">
        <v>158</v>
      </c>
      <c r="J15" s="1"/>
      <c r="K15" s="1" t="s">
        <v>159</v>
      </c>
      <c r="L15" s="1"/>
      <c r="M15" s="1"/>
      <c r="N15" s="7" t="s">
        <v>160</v>
      </c>
      <c r="O15" s="2"/>
      <c r="P15" s="2"/>
      <c r="Q15" s="2"/>
    </row>
    <row r="16" spans="1:17" ht="390" x14ac:dyDescent="0.25">
      <c r="A16" s="2" t="s">
        <v>159</v>
      </c>
      <c r="B16" s="12" t="s">
        <v>161</v>
      </c>
      <c r="C16" s="1"/>
      <c r="D16" s="1" t="s">
        <v>162</v>
      </c>
      <c r="E16" s="1" t="s">
        <v>163</v>
      </c>
      <c r="F16" s="1"/>
      <c r="G16" s="1"/>
      <c r="H16" s="1" t="s">
        <v>164</v>
      </c>
      <c r="I16" s="8" t="s">
        <v>165</v>
      </c>
      <c r="J16" s="1" t="s">
        <v>166</v>
      </c>
      <c r="K16" s="1"/>
      <c r="L16" s="1"/>
      <c r="M16" s="1"/>
      <c r="N16" s="7" t="s">
        <v>167</v>
      </c>
      <c r="O16" s="2"/>
      <c r="P16" s="2"/>
      <c r="Q16" s="2"/>
    </row>
    <row r="17" spans="1:17" ht="409.5" x14ac:dyDescent="0.25">
      <c r="A17" s="2" t="s">
        <v>168</v>
      </c>
      <c r="B17" s="1" t="s">
        <v>169</v>
      </c>
      <c r="C17" s="1" t="s">
        <v>169</v>
      </c>
      <c r="D17" s="1" t="s">
        <v>170</v>
      </c>
      <c r="E17" s="1" t="s">
        <v>171</v>
      </c>
      <c r="F17" s="1" t="s">
        <v>172</v>
      </c>
      <c r="G17" s="3">
        <v>44909</v>
      </c>
      <c r="H17" s="3">
        <v>44931</v>
      </c>
      <c r="I17" s="1" t="s">
        <v>173</v>
      </c>
      <c r="J17" s="1" t="s">
        <v>174</v>
      </c>
      <c r="K17" s="1"/>
      <c r="L17" s="1" t="s">
        <v>175</v>
      </c>
      <c r="M17" s="1" t="s">
        <v>151</v>
      </c>
      <c r="N17" s="5" t="s">
        <v>176</v>
      </c>
      <c r="O17" s="1" t="s">
        <v>177</v>
      </c>
      <c r="P17" s="1"/>
      <c r="Q17" s="1"/>
    </row>
    <row r="18" spans="1:17" ht="345" x14ac:dyDescent="0.25">
      <c r="A18" s="2" t="s">
        <v>178</v>
      </c>
      <c r="B18" s="1" t="s">
        <v>179</v>
      </c>
      <c r="C18" s="1" t="s">
        <v>180</v>
      </c>
      <c r="D18" s="1" t="s">
        <v>181</v>
      </c>
      <c r="E18" s="1" t="s">
        <v>182</v>
      </c>
      <c r="F18" s="1" t="s">
        <v>183</v>
      </c>
      <c r="G18" s="3">
        <v>41884</v>
      </c>
      <c r="H18" s="3"/>
      <c r="I18" s="3">
        <v>43372</v>
      </c>
      <c r="J18" s="1"/>
      <c r="K18" s="1"/>
      <c r="L18" s="1" t="s">
        <v>150</v>
      </c>
      <c r="M18" s="1" t="s">
        <v>151</v>
      </c>
      <c r="N18" s="5" t="s">
        <v>184</v>
      </c>
      <c r="O18" s="1" t="s">
        <v>185</v>
      </c>
      <c r="P18" s="1"/>
      <c r="Q18" s="1"/>
    </row>
    <row r="19" spans="1:17" ht="285" x14ac:dyDescent="0.25">
      <c r="A19" s="2" t="s">
        <v>186</v>
      </c>
      <c r="B19" s="1" t="s">
        <v>187</v>
      </c>
      <c r="C19" s="1" t="s">
        <v>188</v>
      </c>
      <c r="D19" s="1" t="s">
        <v>189</v>
      </c>
      <c r="E19" s="1" t="s">
        <v>190</v>
      </c>
      <c r="F19" s="1" t="s">
        <v>191</v>
      </c>
      <c r="G19" s="3" t="s">
        <v>192</v>
      </c>
      <c r="H19" s="1" t="s">
        <v>192</v>
      </c>
      <c r="I19" s="1" t="s">
        <v>192</v>
      </c>
      <c r="J19" s="1" t="s">
        <v>192</v>
      </c>
      <c r="K19" s="1" t="s">
        <v>178</v>
      </c>
      <c r="L19" s="1" t="s">
        <v>150</v>
      </c>
      <c r="M19" s="1" t="s">
        <v>151</v>
      </c>
      <c r="N19" s="5" t="s">
        <v>193</v>
      </c>
      <c r="O19" s="1" t="s">
        <v>194</v>
      </c>
      <c r="P19" s="1"/>
      <c r="Q19" s="1"/>
    </row>
    <row r="20" spans="1:17" ht="270" x14ac:dyDescent="0.25">
      <c r="A20" t="s">
        <v>195</v>
      </c>
      <c r="B20" t="s">
        <v>196</v>
      </c>
      <c r="C20" t="s">
        <v>197</v>
      </c>
      <c r="D20" s="9" t="s">
        <v>198</v>
      </c>
      <c r="F20" t="s">
        <v>199</v>
      </c>
      <c r="G20" s="1" t="s">
        <v>200</v>
      </c>
      <c r="K20" t="s">
        <v>201</v>
      </c>
    </row>
    <row r="21" spans="1:17" ht="150" x14ac:dyDescent="0.25">
      <c r="A21" t="s">
        <v>202</v>
      </c>
      <c r="B21" t="s">
        <v>203</v>
      </c>
      <c r="C21" t="s">
        <v>204</v>
      </c>
      <c r="D21" s="9" t="s">
        <v>205</v>
      </c>
      <c r="E21" s="9" t="s">
        <v>206</v>
      </c>
      <c r="F21" s="9" t="s">
        <v>207</v>
      </c>
      <c r="G21" t="s">
        <v>208</v>
      </c>
      <c r="H21" s="10">
        <v>43100</v>
      </c>
      <c r="I21" s="11" t="s">
        <v>209</v>
      </c>
      <c r="J21" t="s">
        <v>210</v>
      </c>
      <c r="K21" t="s">
        <v>211</v>
      </c>
      <c r="N21" s="9" t="s">
        <v>212</v>
      </c>
    </row>
  </sheetData>
  <hyperlinks>
    <hyperlink ref="N2" r:id="rId1" xr:uid="{74A4A524-51D7-4B8B-9D13-0ACB24BE9DF9}"/>
    <hyperlink ref="N3" r:id="rId2" xr:uid="{C8D56957-BF0E-4946-B957-6D760DEAAE0D}"/>
    <hyperlink ref="O10" r:id="rId3" xr:uid="{C2FA3123-E840-4C8D-98A4-77B6A25ED848}"/>
    <hyperlink ref="N17" r:id="rId4" xr:uid="{5DBDF982-FBD5-417D-B232-93F2951054E8}"/>
    <hyperlink ref="N14" r:id="rId5" xr:uid="{137CE68A-E671-4F75-8008-C54A0D90E578}"/>
    <hyperlink ref="N18" r:id="rId6" xr:uid="{571BFBC3-5FFE-42F4-A273-0099D35CB844}"/>
    <hyperlink ref="N19" r:id="rId7" display="https://digital-strategy.ec.europa.eu/en/policies/electronic-identification" xr:uid="{77845863-9461-4BC9-8BC8-A5D2859565CB}"/>
    <hyperlink ref="N4" r:id="rId8" display="https://eur-lex.europa.eu/legal-content/EN/TXT/?uri=celex%3A52023PC0360" xr:uid="{E2253E30-80FA-494A-9B32-CD443C7CA98A}"/>
    <hyperlink ref="N6" r:id="rId9" display="https://digital-strategy.ec.europa.eu/en/library/cyber-resilience-act" xr:uid="{803B3927-177A-4CD4-B75B-B825200C4C22}"/>
    <hyperlink ref="N7" r:id="rId10" display="https://digital-strategy.ec.europa.eu/en/policies/cybersecurity-act" xr:uid="{689ACD0B-992C-4265-8D62-C8A93C87D6EC}"/>
    <hyperlink ref="N13" r:id="rId11" xr:uid="{DF77A1CC-8135-4ECD-A565-2F0E1AD41AB8}"/>
    <hyperlink ref="N12" r:id="rId12" xr:uid="{B69B9D46-4436-4A1B-8160-0E92337E1D0E}"/>
    <hyperlink ref="N16" r:id="rId13" xr:uid="{F9C5D0B4-4C99-4A7E-84F4-1B81A7A1CE84}"/>
    <hyperlink ref="N15" r:id="rId14" xr:uid="{C6DBB812-BED5-493B-B937-BCF9ABB3C88B}"/>
    <hyperlink ref="N9" r:id="rId15" xr:uid="{4E847040-EE8C-4B0B-AF18-978450C115B1}"/>
  </hyperlinks>
  <pageMargins left="0.7" right="0.7" top="0.75" bottom="0.75" header="0.3" footer="0.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f64e99bf-8903-4bba-9777-40a2af46ac83">
      <Terms xmlns="http://schemas.microsoft.com/office/infopath/2007/PartnerControls"/>
    </lcf76f155ced4ddcb4097134ff3c332f>
    <TaxCatchAll xmlns="8f8fa12b-f15d-4056-a7f6-58732972abf5"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23F4D9677B0BF245BF206AD01247AD7B" ma:contentTypeVersion="12" ma:contentTypeDescription="Een nieuw document maken." ma:contentTypeScope="" ma:versionID="96676527ab37cd81c911520f04771e44">
  <xsd:schema xmlns:xsd="http://www.w3.org/2001/XMLSchema" xmlns:xs="http://www.w3.org/2001/XMLSchema" xmlns:p="http://schemas.microsoft.com/office/2006/metadata/properties" xmlns:ns2="f64e99bf-8903-4bba-9777-40a2af46ac83" xmlns:ns3="8f8fa12b-f15d-4056-a7f6-58732972abf5" targetNamespace="http://schemas.microsoft.com/office/2006/metadata/properties" ma:root="true" ma:fieldsID="340fc895b1f7820c4cf47b8c50ea48c4" ns2:_="" ns3:_="">
    <xsd:import namespace="f64e99bf-8903-4bba-9777-40a2af46ac83"/>
    <xsd:import namespace="8f8fa12b-f15d-4056-a7f6-58732972abf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64e99bf-8903-4bba-9777-40a2af46ac8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Afbeeldingtags" ma:readOnly="false" ma:fieldId="{5cf76f15-5ced-4ddc-b409-7134ff3c332f}" ma:taxonomyMulti="true" ma:sspId="f642a783-229a-4024-b1e9-820c4585274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f8fa12b-f15d-4056-a7f6-58732972abf5"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3064280d-d82f-4a71-b389-17d0ecd30222}" ma:internalName="TaxCatchAll" ma:showField="CatchAllData" ma:web="8f8fa12b-f15d-4056-a7f6-58732972abf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F1932BA5-7F01-4FB3-A301-C7B5827EDBB7}">
  <ds:schemaRefs>
    <ds:schemaRef ds:uri="http://schemas.microsoft.com/office/2006/metadata/properties"/>
    <ds:schemaRef ds:uri="http://schemas.microsoft.com/office/infopath/2007/PartnerControls"/>
    <ds:schemaRef ds:uri="f64e99bf-8903-4bba-9777-40a2af46ac83"/>
    <ds:schemaRef ds:uri="8f8fa12b-f15d-4056-a7f6-58732972abf5"/>
  </ds:schemaRefs>
</ds:datastoreItem>
</file>

<file path=customXml/itemProps2.xml><?xml version="1.0" encoding="utf-8"?>
<ds:datastoreItem xmlns:ds="http://schemas.openxmlformats.org/officeDocument/2006/customXml" ds:itemID="{9F052B94-483E-4696-8737-5C7E792FC688}">
  <ds:schemaRefs>
    <ds:schemaRef ds:uri="http://schemas.microsoft.com/sharepoint/v3/contenttype/forms"/>
  </ds:schemaRefs>
</ds:datastoreItem>
</file>

<file path=customXml/itemProps3.xml><?xml version="1.0" encoding="utf-8"?>
<ds:datastoreItem xmlns:ds="http://schemas.openxmlformats.org/officeDocument/2006/customXml" ds:itemID="{88757800-C6A3-41C2-B128-6BBE1495B2D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64e99bf-8903-4bba-9777-40a2af46ac83"/>
    <ds:schemaRef ds:uri="8f8fa12b-f15d-4056-a7f6-58732972abf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C7A9CA4-92CB-4B9D-A8FA-BFD3E07AE5B3}">
  <ds:schemaRefs/>
</ds:datastoreItem>
</file>

<file path=customXml/itemProps5.xml><?xml version="1.0" encoding="utf-8"?>
<ds:datastoreItem xmlns:ds="http://schemas.openxmlformats.org/officeDocument/2006/customXml" ds:itemID="{011B3710-C2B4-4619-BC8C-5FE7E5DD1386}">
  <ds:schemaRefs/>
</ds:datastoreItem>
</file>

<file path=docMetadata/LabelInfo.xml><?xml version="1.0" encoding="utf-8"?>
<clbl:labelList xmlns:clbl="http://schemas.microsoft.com/office/2020/mipLabelMetadata">
  <clbl:label id="{9ecbd628-0072-405d-8567-32c6750b0d3e}" enabled="0" method="" siteId="{9ecbd628-0072-405d-8567-32c6750b0d3e}" removed="1"/>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2</vt:i4>
      </vt:variant>
    </vt:vector>
  </HeadingPairs>
  <TitlesOfParts>
    <vt:vector size="2" baseType="lpstr">
      <vt:lpstr>introductie</vt:lpstr>
      <vt:lpstr>Overzich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ijst, D.P. van (Dennis) (OSBE_ITOP)</dc:creator>
  <cp:keywords/>
  <dc:description/>
  <cp:lastModifiedBy>Heijst, D.P. van (Dennis) (OSBE_ITOP)</cp:lastModifiedBy>
  <cp:revision/>
  <dcterms:created xsi:type="dcterms:W3CDTF">2024-01-18T10:45:11Z</dcterms:created>
  <dcterms:modified xsi:type="dcterms:W3CDTF">2024-04-16T06:18:5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8049558577120894</vt:lpwstr>
  </property>
  <property fmtid="{D5CDD505-2E9C-101B-9397-08002B2CF9AE}" pid="4" name="TemplafyUserProfileId">
    <vt:lpwstr>637547604639020911</vt:lpwstr>
  </property>
  <property fmtid="{D5CDD505-2E9C-101B-9397-08002B2CF9AE}" pid="5" name="TemplafyFromBlank">
    <vt:bool>true</vt:bool>
  </property>
  <property fmtid="{D5CDD505-2E9C-101B-9397-08002B2CF9AE}" pid="6" name="ContentTypeId">
    <vt:lpwstr>0x01010023F4D9677B0BF245BF206AD01247AD7B</vt:lpwstr>
  </property>
  <property fmtid="{D5CDD505-2E9C-101B-9397-08002B2CF9AE}" pid="7" name="MediaServiceImageTags">
    <vt:lpwstr/>
  </property>
</Properties>
</file>